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₌🐇令和5年10月1日現在₌🐇\03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9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4633</v>
      </c>
      <c r="E7" s="19">
        <v>8166</v>
      </c>
      <c r="F7" s="19">
        <v>35219</v>
      </c>
      <c r="G7" s="19">
        <v>18811</v>
      </c>
      <c r="H7" s="19">
        <v>15487</v>
      </c>
      <c r="I7" s="19">
        <v>921</v>
      </c>
      <c r="J7" s="19">
        <v>33400</v>
      </c>
      <c r="K7" s="19">
        <v>16987</v>
      </c>
      <c r="L7" s="19">
        <v>15735</v>
      </c>
      <c r="M7" s="20">
        <v>678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522</v>
      </c>
      <c r="E8" s="23">
        <v>7839</v>
      </c>
      <c r="F8" s="23">
        <v>34229</v>
      </c>
      <c r="G8" s="23">
        <v>18351</v>
      </c>
      <c r="H8" s="23">
        <v>15033</v>
      </c>
      <c r="I8" s="23">
        <v>845</v>
      </c>
      <c r="J8" s="23">
        <v>32415</v>
      </c>
      <c r="K8" s="23">
        <v>16532</v>
      </c>
      <c r="L8" s="23">
        <v>15250</v>
      </c>
      <c r="M8" s="24">
        <v>633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11</v>
      </c>
      <c r="E9" s="23">
        <v>327</v>
      </c>
      <c r="F9" s="23">
        <v>990</v>
      </c>
      <c r="G9" s="23">
        <v>460</v>
      </c>
      <c r="H9" s="23">
        <v>454</v>
      </c>
      <c r="I9" s="23">
        <v>76</v>
      </c>
      <c r="J9" s="23">
        <v>985</v>
      </c>
      <c r="K9" s="23">
        <v>455</v>
      </c>
      <c r="L9" s="23">
        <v>485</v>
      </c>
      <c r="M9" s="24">
        <v>45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1883</v>
      </c>
      <c r="E11" s="32">
        <v>3227</v>
      </c>
      <c r="F11" s="32">
        <v>15300</v>
      </c>
      <c r="G11" s="32">
        <v>7845</v>
      </c>
      <c r="H11" s="32">
        <v>7023</v>
      </c>
      <c r="I11" s="32">
        <v>432</v>
      </c>
      <c r="J11" s="32">
        <v>14630</v>
      </c>
      <c r="K11" s="32">
        <v>6980</v>
      </c>
      <c r="L11" s="32">
        <v>7343</v>
      </c>
      <c r="M11" s="33">
        <v>307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60</v>
      </c>
      <c r="E12" s="28">
        <v>234</v>
      </c>
      <c r="F12" s="28">
        <v>1336</v>
      </c>
      <c r="G12" s="28">
        <v>790</v>
      </c>
      <c r="H12" s="28">
        <v>507</v>
      </c>
      <c r="I12" s="28">
        <v>39</v>
      </c>
      <c r="J12" s="28">
        <v>1253</v>
      </c>
      <c r="K12" s="28">
        <v>701</v>
      </c>
      <c r="L12" s="28">
        <v>530</v>
      </c>
      <c r="M12" s="29">
        <v>22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42</v>
      </c>
      <c r="E13" s="28">
        <v>185</v>
      </c>
      <c r="F13" s="28">
        <v>1391</v>
      </c>
      <c r="G13" s="28">
        <v>762</v>
      </c>
      <c r="H13" s="28">
        <v>600</v>
      </c>
      <c r="I13" s="28">
        <v>29</v>
      </c>
      <c r="J13" s="28">
        <v>1174</v>
      </c>
      <c r="K13" s="28">
        <v>566</v>
      </c>
      <c r="L13" s="28">
        <v>579</v>
      </c>
      <c r="M13" s="29">
        <v>29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71</v>
      </c>
      <c r="E14" s="28">
        <v>79</v>
      </c>
      <c r="F14" s="28">
        <v>730</v>
      </c>
      <c r="G14" s="28">
        <v>357</v>
      </c>
      <c r="H14" s="28">
        <v>352</v>
      </c>
      <c r="I14" s="28">
        <v>21</v>
      </c>
      <c r="J14" s="28">
        <v>643</v>
      </c>
      <c r="K14" s="28">
        <v>307</v>
      </c>
      <c r="L14" s="28">
        <v>324</v>
      </c>
      <c r="M14" s="29">
        <v>12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51</v>
      </c>
      <c r="E15" s="28">
        <v>154</v>
      </c>
      <c r="F15" s="28">
        <v>1065</v>
      </c>
      <c r="G15" s="28">
        <v>601</v>
      </c>
      <c r="H15" s="28">
        <v>430</v>
      </c>
      <c r="I15" s="28">
        <v>34</v>
      </c>
      <c r="J15" s="28">
        <v>887</v>
      </c>
      <c r="K15" s="28">
        <v>420</v>
      </c>
      <c r="L15" s="28">
        <v>423</v>
      </c>
      <c r="M15" s="29">
        <v>44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72</v>
      </c>
      <c r="E16" s="28">
        <v>217</v>
      </c>
      <c r="F16" s="28">
        <v>993</v>
      </c>
      <c r="G16" s="28">
        <v>451</v>
      </c>
      <c r="H16" s="28">
        <v>502</v>
      </c>
      <c r="I16" s="28">
        <v>40</v>
      </c>
      <c r="J16" s="28">
        <v>973</v>
      </c>
      <c r="K16" s="28">
        <v>393</v>
      </c>
      <c r="L16" s="28">
        <v>553</v>
      </c>
      <c r="M16" s="29">
        <v>27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11</v>
      </c>
      <c r="E17" s="28">
        <v>204</v>
      </c>
      <c r="F17" s="28">
        <v>615</v>
      </c>
      <c r="G17" s="28">
        <v>242</v>
      </c>
      <c r="H17" s="28">
        <v>353</v>
      </c>
      <c r="I17" s="28">
        <v>20</v>
      </c>
      <c r="J17" s="28">
        <v>648</v>
      </c>
      <c r="K17" s="28">
        <v>297</v>
      </c>
      <c r="L17" s="28">
        <v>347</v>
      </c>
      <c r="M17" s="29">
        <v>4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95</v>
      </c>
      <c r="E18" s="28">
        <v>182</v>
      </c>
      <c r="F18" s="28">
        <v>832</v>
      </c>
      <c r="G18" s="28">
        <v>379</v>
      </c>
      <c r="H18" s="28">
        <v>429</v>
      </c>
      <c r="I18" s="28">
        <v>24</v>
      </c>
      <c r="J18" s="28">
        <v>833</v>
      </c>
      <c r="K18" s="28">
        <v>352</v>
      </c>
      <c r="L18" s="28">
        <v>468</v>
      </c>
      <c r="M18" s="29">
        <v>13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06</v>
      </c>
      <c r="E19" s="28">
        <v>243</v>
      </c>
      <c r="F19" s="28">
        <v>765</v>
      </c>
      <c r="G19" s="28">
        <v>299</v>
      </c>
      <c r="H19" s="28">
        <v>433</v>
      </c>
      <c r="I19" s="28">
        <v>33</v>
      </c>
      <c r="J19" s="28">
        <v>704</v>
      </c>
      <c r="K19" s="28">
        <v>301</v>
      </c>
      <c r="L19" s="28">
        <v>382</v>
      </c>
      <c r="M19" s="29">
        <v>21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81</v>
      </c>
      <c r="E20" s="28">
        <v>159</v>
      </c>
      <c r="F20" s="28">
        <v>672</v>
      </c>
      <c r="G20" s="28">
        <v>306</v>
      </c>
      <c r="H20" s="28">
        <v>340</v>
      </c>
      <c r="I20" s="28">
        <v>26</v>
      </c>
      <c r="J20" s="28">
        <v>682</v>
      </c>
      <c r="K20" s="28">
        <v>269</v>
      </c>
      <c r="L20" s="28">
        <v>401</v>
      </c>
      <c r="M20" s="29">
        <v>12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70</v>
      </c>
      <c r="E21" s="28">
        <v>202</v>
      </c>
      <c r="F21" s="28">
        <v>513</v>
      </c>
      <c r="G21" s="28">
        <v>250</v>
      </c>
      <c r="H21" s="28">
        <v>244</v>
      </c>
      <c r="I21" s="28">
        <v>19</v>
      </c>
      <c r="J21" s="28">
        <v>554</v>
      </c>
      <c r="K21" s="28">
        <v>265</v>
      </c>
      <c r="L21" s="28">
        <v>277</v>
      </c>
      <c r="M21" s="29">
        <v>12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27</v>
      </c>
      <c r="E22" s="28">
        <v>275</v>
      </c>
      <c r="F22" s="28">
        <v>1937</v>
      </c>
      <c r="G22" s="28">
        <v>1245</v>
      </c>
      <c r="H22" s="28">
        <v>645</v>
      </c>
      <c r="I22" s="28">
        <v>47</v>
      </c>
      <c r="J22" s="28">
        <v>1685</v>
      </c>
      <c r="K22" s="28">
        <v>913</v>
      </c>
      <c r="L22" s="28">
        <v>732</v>
      </c>
      <c r="M22" s="29">
        <v>40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94</v>
      </c>
      <c r="E23" s="28">
        <v>153</v>
      </c>
      <c r="F23" s="28">
        <v>596</v>
      </c>
      <c r="G23" s="28">
        <v>279</v>
      </c>
      <c r="H23" s="28">
        <v>300</v>
      </c>
      <c r="I23" s="28">
        <v>17</v>
      </c>
      <c r="J23" s="28">
        <v>625</v>
      </c>
      <c r="K23" s="28">
        <v>300</v>
      </c>
      <c r="L23" s="28">
        <v>319</v>
      </c>
      <c r="M23" s="29">
        <v>6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44</v>
      </c>
      <c r="E24" s="28">
        <v>207</v>
      </c>
      <c r="F24" s="28">
        <v>1011</v>
      </c>
      <c r="G24" s="28">
        <v>608</v>
      </c>
      <c r="H24" s="28">
        <v>377</v>
      </c>
      <c r="I24" s="28">
        <v>26</v>
      </c>
      <c r="J24" s="28">
        <v>1058</v>
      </c>
      <c r="K24" s="28">
        <v>672</v>
      </c>
      <c r="L24" s="28">
        <v>367</v>
      </c>
      <c r="M24" s="29">
        <v>19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18</v>
      </c>
      <c r="E25" s="28">
        <v>105</v>
      </c>
      <c r="F25" s="28">
        <v>725</v>
      </c>
      <c r="G25" s="28">
        <v>378</v>
      </c>
      <c r="H25" s="28">
        <v>332</v>
      </c>
      <c r="I25" s="28">
        <v>15</v>
      </c>
      <c r="J25" s="28">
        <v>840</v>
      </c>
      <c r="K25" s="28">
        <v>443</v>
      </c>
      <c r="L25" s="28">
        <v>388</v>
      </c>
      <c r="M25" s="29">
        <v>9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45</v>
      </c>
      <c r="E26" s="28">
        <v>241</v>
      </c>
      <c r="F26" s="28">
        <v>922</v>
      </c>
      <c r="G26" s="28">
        <v>459</v>
      </c>
      <c r="H26" s="28">
        <v>445</v>
      </c>
      <c r="I26" s="28">
        <v>18</v>
      </c>
      <c r="J26" s="28">
        <v>822</v>
      </c>
      <c r="K26" s="28">
        <v>357</v>
      </c>
      <c r="L26" s="28">
        <v>448</v>
      </c>
      <c r="M26" s="29">
        <v>17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60</v>
      </c>
      <c r="E27" s="28">
        <v>124</v>
      </c>
      <c r="F27" s="28">
        <v>368</v>
      </c>
      <c r="G27" s="28">
        <v>128</v>
      </c>
      <c r="H27" s="28">
        <v>234</v>
      </c>
      <c r="I27" s="28">
        <v>6</v>
      </c>
      <c r="J27" s="28">
        <v>475</v>
      </c>
      <c r="K27" s="28">
        <v>165</v>
      </c>
      <c r="L27" s="28">
        <v>304</v>
      </c>
      <c r="M27" s="29">
        <v>6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82</v>
      </c>
      <c r="E28" s="28">
        <v>137</v>
      </c>
      <c r="F28" s="28">
        <v>441</v>
      </c>
      <c r="G28" s="28">
        <v>158</v>
      </c>
      <c r="H28" s="28">
        <v>268</v>
      </c>
      <c r="I28" s="28">
        <v>15</v>
      </c>
      <c r="J28" s="28">
        <v>411</v>
      </c>
      <c r="K28" s="28">
        <v>139</v>
      </c>
      <c r="L28" s="28">
        <v>262</v>
      </c>
      <c r="M28" s="29">
        <v>10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54</v>
      </c>
      <c r="E29" s="28">
        <v>126</v>
      </c>
      <c r="F29" s="28">
        <v>388</v>
      </c>
      <c r="G29" s="28">
        <v>153</v>
      </c>
      <c r="H29" s="28">
        <v>232</v>
      </c>
      <c r="I29" s="28">
        <v>3</v>
      </c>
      <c r="J29" s="28">
        <v>363</v>
      </c>
      <c r="K29" s="28">
        <v>120</v>
      </c>
      <c r="L29" s="28">
        <v>239</v>
      </c>
      <c r="M29" s="29">
        <v>4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909</v>
      </c>
      <c r="E30" s="32">
        <v>1090</v>
      </c>
      <c r="F30" s="32">
        <v>7385</v>
      </c>
      <c r="G30" s="32">
        <v>4769</v>
      </c>
      <c r="H30" s="32">
        <v>2566</v>
      </c>
      <c r="I30" s="32">
        <v>50</v>
      </c>
      <c r="J30" s="32">
        <v>7181</v>
      </c>
      <c r="K30" s="32">
        <v>4456</v>
      </c>
      <c r="L30" s="32">
        <v>2618</v>
      </c>
      <c r="M30" s="33">
        <v>107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19</v>
      </c>
      <c r="E31" s="28">
        <v>240</v>
      </c>
      <c r="F31" s="28">
        <v>1208</v>
      </c>
      <c r="G31" s="28">
        <v>808</v>
      </c>
      <c r="H31" s="28">
        <v>386</v>
      </c>
      <c r="I31" s="28">
        <v>14</v>
      </c>
      <c r="J31" s="28">
        <v>1234</v>
      </c>
      <c r="K31" s="28">
        <v>784</v>
      </c>
      <c r="L31" s="28">
        <v>418</v>
      </c>
      <c r="M31" s="29">
        <v>32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06</v>
      </c>
      <c r="E32" s="28">
        <v>140</v>
      </c>
      <c r="F32" s="28">
        <v>800</v>
      </c>
      <c r="G32" s="28">
        <v>456</v>
      </c>
      <c r="H32" s="28">
        <v>341</v>
      </c>
      <c r="I32" s="28">
        <v>3</v>
      </c>
      <c r="J32" s="28">
        <v>737</v>
      </c>
      <c r="K32" s="28">
        <v>381</v>
      </c>
      <c r="L32" s="28">
        <v>342</v>
      </c>
      <c r="M32" s="29">
        <v>14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180</v>
      </c>
      <c r="E33" s="28">
        <v>134</v>
      </c>
      <c r="F33" s="28">
        <v>1520</v>
      </c>
      <c r="G33" s="28">
        <v>1022</v>
      </c>
      <c r="H33" s="28">
        <v>488</v>
      </c>
      <c r="I33" s="28">
        <v>10</v>
      </c>
      <c r="J33" s="28">
        <v>1539</v>
      </c>
      <c r="K33" s="28">
        <v>953</v>
      </c>
      <c r="L33" s="28">
        <v>576</v>
      </c>
      <c r="M33" s="29">
        <v>10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32</v>
      </c>
      <c r="E34" s="28">
        <v>146</v>
      </c>
      <c r="F34" s="28">
        <v>1315</v>
      </c>
      <c r="G34" s="28">
        <v>784</v>
      </c>
      <c r="H34" s="28">
        <v>524</v>
      </c>
      <c r="I34" s="28">
        <v>7</v>
      </c>
      <c r="J34" s="28">
        <v>1058</v>
      </c>
      <c r="K34" s="28">
        <v>640</v>
      </c>
      <c r="L34" s="28">
        <v>400</v>
      </c>
      <c r="M34" s="29">
        <v>18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39</v>
      </c>
      <c r="E35" s="28">
        <v>155</v>
      </c>
      <c r="F35" s="28">
        <v>859</v>
      </c>
      <c r="G35" s="28">
        <v>519</v>
      </c>
      <c r="H35" s="28">
        <v>333</v>
      </c>
      <c r="I35" s="28">
        <v>7</v>
      </c>
      <c r="J35" s="28">
        <v>913</v>
      </c>
      <c r="K35" s="28">
        <v>564</v>
      </c>
      <c r="L35" s="28">
        <v>334</v>
      </c>
      <c r="M35" s="29">
        <v>15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33</v>
      </c>
      <c r="E36" s="28">
        <v>135</v>
      </c>
      <c r="F36" s="28">
        <v>1034</v>
      </c>
      <c r="G36" s="28">
        <v>747</v>
      </c>
      <c r="H36" s="28">
        <v>284</v>
      </c>
      <c r="I36" s="28">
        <v>3</v>
      </c>
      <c r="J36" s="28">
        <v>1081</v>
      </c>
      <c r="K36" s="28">
        <v>720</v>
      </c>
      <c r="L36" s="28">
        <v>357</v>
      </c>
      <c r="M36" s="29">
        <v>4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100</v>
      </c>
      <c r="E37" s="28">
        <v>140</v>
      </c>
      <c r="F37" s="28">
        <v>649</v>
      </c>
      <c r="G37" s="28">
        <v>433</v>
      </c>
      <c r="H37" s="28">
        <v>210</v>
      </c>
      <c r="I37" s="28">
        <v>6</v>
      </c>
      <c r="J37" s="28">
        <v>619</v>
      </c>
      <c r="K37" s="28">
        <v>414</v>
      </c>
      <c r="L37" s="28">
        <v>191</v>
      </c>
      <c r="M37" s="29">
        <v>14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34</v>
      </c>
      <c r="E38" s="32">
        <v>672</v>
      </c>
      <c r="F38" s="32">
        <v>2651</v>
      </c>
      <c r="G38" s="32">
        <v>1548</v>
      </c>
      <c r="H38" s="32">
        <v>1059</v>
      </c>
      <c r="I38" s="32">
        <v>44</v>
      </c>
      <c r="J38" s="32">
        <v>2256</v>
      </c>
      <c r="K38" s="32">
        <v>1239</v>
      </c>
      <c r="L38" s="32">
        <v>966</v>
      </c>
      <c r="M38" s="33">
        <v>51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62</v>
      </c>
      <c r="E39" s="28">
        <v>144</v>
      </c>
      <c r="F39" s="28">
        <v>579</v>
      </c>
      <c r="G39" s="28">
        <v>383</v>
      </c>
      <c r="H39" s="28">
        <v>189</v>
      </c>
      <c r="I39" s="28">
        <v>7</v>
      </c>
      <c r="J39" s="28">
        <v>492</v>
      </c>
      <c r="K39" s="28">
        <v>283</v>
      </c>
      <c r="L39" s="28">
        <v>202</v>
      </c>
      <c r="M39" s="29">
        <v>7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07</v>
      </c>
      <c r="E40" s="28">
        <v>286</v>
      </c>
      <c r="F40" s="28">
        <v>1065</v>
      </c>
      <c r="G40" s="28">
        <v>638</v>
      </c>
      <c r="H40" s="28">
        <v>413</v>
      </c>
      <c r="I40" s="28">
        <v>14</v>
      </c>
      <c r="J40" s="28">
        <v>810</v>
      </c>
      <c r="K40" s="28">
        <v>446</v>
      </c>
      <c r="L40" s="28">
        <v>340</v>
      </c>
      <c r="M40" s="29">
        <v>24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65</v>
      </c>
      <c r="E41" s="28">
        <v>242</v>
      </c>
      <c r="F41" s="28">
        <v>1007</v>
      </c>
      <c r="G41" s="28">
        <v>527</v>
      </c>
      <c r="H41" s="28">
        <v>457</v>
      </c>
      <c r="I41" s="28">
        <v>23</v>
      </c>
      <c r="J41" s="28">
        <v>954</v>
      </c>
      <c r="K41" s="28">
        <v>510</v>
      </c>
      <c r="L41" s="28">
        <v>424</v>
      </c>
      <c r="M41" s="29">
        <v>20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57</v>
      </c>
      <c r="E43" s="28">
        <v>443</v>
      </c>
      <c r="F43" s="28">
        <v>791</v>
      </c>
      <c r="G43" s="28">
        <v>406</v>
      </c>
      <c r="H43" s="28">
        <v>333</v>
      </c>
      <c r="I43" s="28">
        <v>52</v>
      </c>
      <c r="J43" s="28">
        <v>862</v>
      </c>
      <c r="K43" s="28">
        <v>462</v>
      </c>
      <c r="L43" s="28">
        <v>380</v>
      </c>
      <c r="M43" s="29">
        <v>20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32</v>
      </c>
      <c r="E44" s="28">
        <v>265</v>
      </c>
      <c r="F44" s="28">
        <v>818</v>
      </c>
      <c r="G44" s="28">
        <v>316</v>
      </c>
      <c r="H44" s="28">
        <v>418</v>
      </c>
      <c r="I44" s="28">
        <v>84</v>
      </c>
      <c r="J44" s="28">
        <v>617</v>
      </c>
      <c r="K44" s="28">
        <v>312</v>
      </c>
      <c r="L44" s="28">
        <v>295</v>
      </c>
      <c r="M44" s="29">
        <v>10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59</v>
      </c>
      <c r="E45" s="28">
        <v>171</v>
      </c>
      <c r="F45" s="28">
        <v>539</v>
      </c>
      <c r="G45" s="28">
        <v>295</v>
      </c>
      <c r="H45" s="28">
        <v>242</v>
      </c>
      <c r="I45" s="28">
        <v>2</v>
      </c>
      <c r="J45" s="28">
        <v>500</v>
      </c>
      <c r="K45" s="28">
        <v>254</v>
      </c>
      <c r="L45" s="28">
        <v>238</v>
      </c>
      <c r="M45" s="29">
        <v>8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40</v>
      </c>
      <c r="E46" s="28">
        <v>354</v>
      </c>
      <c r="F46" s="28">
        <v>1470</v>
      </c>
      <c r="G46" s="28">
        <v>798</v>
      </c>
      <c r="H46" s="28">
        <v>661</v>
      </c>
      <c r="I46" s="28">
        <v>11</v>
      </c>
      <c r="J46" s="28">
        <v>1316</v>
      </c>
      <c r="K46" s="28">
        <v>641</v>
      </c>
      <c r="L46" s="28">
        <v>659</v>
      </c>
      <c r="M46" s="29">
        <v>16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78</v>
      </c>
      <c r="E47" s="28">
        <v>224</v>
      </c>
      <c r="F47" s="28">
        <v>483</v>
      </c>
      <c r="G47" s="28">
        <v>268</v>
      </c>
      <c r="H47" s="28">
        <v>210</v>
      </c>
      <c r="I47" s="28">
        <v>5</v>
      </c>
      <c r="J47" s="28">
        <v>504</v>
      </c>
      <c r="K47" s="28">
        <v>240</v>
      </c>
      <c r="L47" s="28">
        <v>261</v>
      </c>
      <c r="M47" s="29">
        <v>3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35</v>
      </c>
      <c r="E48" s="28">
        <v>218</v>
      </c>
      <c r="F48" s="28">
        <v>746</v>
      </c>
      <c r="G48" s="28">
        <v>336</v>
      </c>
      <c r="H48" s="28">
        <v>405</v>
      </c>
      <c r="I48" s="28">
        <v>5</v>
      </c>
      <c r="J48" s="28">
        <v>613</v>
      </c>
      <c r="K48" s="28">
        <v>303</v>
      </c>
      <c r="L48" s="28">
        <v>306</v>
      </c>
      <c r="M48" s="29">
        <v>4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26</v>
      </c>
      <c r="E49" s="28">
        <v>60</v>
      </c>
      <c r="F49" s="28">
        <v>153</v>
      </c>
      <c r="G49" s="28">
        <v>64</v>
      </c>
      <c r="H49" s="28">
        <v>83</v>
      </c>
      <c r="I49" s="28">
        <v>6</v>
      </c>
      <c r="J49" s="28">
        <v>158</v>
      </c>
      <c r="K49" s="28">
        <v>65</v>
      </c>
      <c r="L49" s="28">
        <v>93</v>
      </c>
      <c r="M49" s="29">
        <v>0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8</v>
      </c>
      <c r="E50" s="28">
        <v>56</v>
      </c>
      <c r="F50" s="28">
        <v>90</v>
      </c>
      <c r="G50" s="28">
        <v>50</v>
      </c>
      <c r="H50" s="28">
        <v>39</v>
      </c>
      <c r="I50" s="28">
        <v>1</v>
      </c>
      <c r="J50" s="28">
        <v>95</v>
      </c>
      <c r="K50" s="28">
        <v>36</v>
      </c>
      <c r="L50" s="28">
        <v>57</v>
      </c>
      <c r="M50" s="29">
        <v>2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57</v>
      </c>
      <c r="E51" s="28">
        <v>166</v>
      </c>
      <c r="F51" s="28">
        <v>399</v>
      </c>
      <c r="G51" s="28">
        <v>211</v>
      </c>
      <c r="H51" s="28">
        <v>184</v>
      </c>
      <c r="I51" s="28">
        <v>4</v>
      </c>
      <c r="J51" s="28">
        <v>420</v>
      </c>
      <c r="K51" s="28">
        <v>197</v>
      </c>
      <c r="L51" s="28">
        <v>220</v>
      </c>
      <c r="M51" s="29">
        <v>3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05</v>
      </c>
      <c r="E52" s="28">
        <v>208</v>
      </c>
      <c r="F52" s="28">
        <v>757</v>
      </c>
      <c r="G52" s="28">
        <v>404</v>
      </c>
      <c r="H52" s="28">
        <v>337</v>
      </c>
      <c r="I52" s="28">
        <v>16</v>
      </c>
      <c r="J52" s="28">
        <v>694</v>
      </c>
      <c r="K52" s="28">
        <v>323</v>
      </c>
      <c r="L52" s="28">
        <v>357</v>
      </c>
      <c r="M52" s="29">
        <v>14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44</v>
      </c>
      <c r="E53" s="28">
        <v>219</v>
      </c>
      <c r="F53" s="28">
        <v>919</v>
      </c>
      <c r="G53" s="28">
        <v>329</v>
      </c>
      <c r="H53" s="28">
        <v>498</v>
      </c>
      <c r="I53" s="28">
        <v>92</v>
      </c>
      <c r="J53" s="28">
        <v>944</v>
      </c>
      <c r="K53" s="28">
        <v>343</v>
      </c>
      <c r="L53" s="28">
        <v>540</v>
      </c>
      <c r="M53" s="29">
        <v>61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50</v>
      </c>
      <c r="E54" s="28">
        <v>105</v>
      </c>
      <c r="F54" s="28">
        <v>342</v>
      </c>
      <c r="G54" s="28">
        <v>158</v>
      </c>
      <c r="H54" s="28">
        <v>181</v>
      </c>
      <c r="I54" s="28">
        <v>3</v>
      </c>
      <c r="J54" s="28">
        <v>355</v>
      </c>
      <c r="K54" s="28">
        <v>153</v>
      </c>
      <c r="L54" s="28">
        <v>201</v>
      </c>
      <c r="M54" s="29">
        <v>1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84</v>
      </c>
      <c r="E55" s="28">
        <v>109</v>
      </c>
      <c r="F55" s="28">
        <v>526</v>
      </c>
      <c r="G55" s="28">
        <v>234</v>
      </c>
      <c r="H55" s="28">
        <v>288</v>
      </c>
      <c r="I55" s="28">
        <v>4</v>
      </c>
      <c r="J55" s="28">
        <v>448</v>
      </c>
      <c r="K55" s="28">
        <v>191</v>
      </c>
      <c r="L55" s="28">
        <v>254</v>
      </c>
      <c r="M55" s="29">
        <v>3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71</v>
      </c>
      <c r="E56" s="28">
        <v>117</v>
      </c>
      <c r="F56" s="28">
        <v>505</v>
      </c>
      <c r="G56" s="28">
        <v>184</v>
      </c>
      <c r="H56" s="28">
        <v>301</v>
      </c>
      <c r="I56" s="28">
        <v>20</v>
      </c>
      <c r="J56" s="28">
        <v>439</v>
      </c>
      <c r="K56" s="28">
        <v>194</v>
      </c>
      <c r="L56" s="28">
        <v>238</v>
      </c>
      <c r="M56" s="29">
        <v>7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2</v>
      </c>
      <c r="E57" s="28">
        <v>41</v>
      </c>
      <c r="F57" s="28">
        <v>107</v>
      </c>
      <c r="G57" s="28">
        <v>35</v>
      </c>
      <c r="H57" s="28">
        <v>71</v>
      </c>
      <c r="I57" s="28">
        <v>1</v>
      </c>
      <c r="J57" s="28">
        <v>107</v>
      </c>
      <c r="K57" s="28">
        <v>38</v>
      </c>
      <c r="L57" s="28">
        <v>68</v>
      </c>
      <c r="M57" s="29">
        <v>1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38</v>
      </c>
      <c r="E58" s="28">
        <v>94</v>
      </c>
      <c r="F58" s="28">
        <v>248</v>
      </c>
      <c r="G58" s="28">
        <v>101</v>
      </c>
      <c r="H58" s="28">
        <v>134</v>
      </c>
      <c r="I58" s="28">
        <v>13</v>
      </c>
      <c r="J58" s="28">
        <v>276</v>
      </c>
      <c r="K58" s="28">
        <v>105</v>
      </c>
      <c r="L58" s="28">
        <v>156</v>
      </c>
      <c r="M58" s="29">
        <v>15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11</v>
      </c>
      <c r="E59" s="28">
        <v>38</v>
      </c>
      <c r="F59" s="28">
        <v>81</v>
      </c>
      <c r="G59" s="28">
        <v>39</v>
      </c>
      <c r="H59" s="28">
        <v>41</v>
      </c>
      <c r="I59" s="28">
        <v>1</v>
      </c>
      <c r="J59" s="28">
        <v>103</v>
      </c>
      <c r="K59" s="28">
        <v>54</v>
      </c>
      <c r="L59" s="28">
        <v>49</v>
      </c>
      <c r="M59" s="29">
        <v>0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30</v>
      </c>
      <c r="E60" s="28">
        <v>40</v>
      </c>
      <c r="F60" s="28">
        <v>133</v>
      </c>
      <c r="G60" s="28">
        <v>59</v>
      </c>
      <c r="H60" s="28">
        <v>72</v>
      </c>
      <c r="I60" s="28">
        <v>2</v>
      </c>
      <c r="J60" s="28">
        <v>146</v>
      </c>
      <c r="K60" s="28">
        <v>48</v>
      </c>
      <c r="L60" s="28">
        <v>95</v>
      </c>
      <c r="M60" s="29">
        <v>3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24</v>
      </c>
      <c r="E61" s="32">
        <v>70</v>
      </c>
      <c r="F61" s="32">
        <v>167</v>
      </c>
      <c r="G61" s="32">
        <v>60</v>
      </c>
      <c r="H61" s="32">
        <v>107</v>
      </c>
      <c r="I61" s="32">
        <v>0</v>
      </c>
      <c r="J61" s="32">
        <v>153</v>
      </c>
      <c r="K61" s="32">
        <v>67</v>
      </c>
      <c r="L61" s="32">
        <v>84</v>
      </c>
      <c r="M61" s="33">
        <v>2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3</v>
      </c>
      <c r="E62" s="28">
        <v>35</v>
      </c>
      <c r="F62" s="28">
        <v>92</v>
      </c>
      <c r="G62" s="28">
        <v>33</v>
      </c>
      <c r="H62" s="28">
        <v>59</v>
      </c>
      <c r="I62" s="28">
        <v>0</v>
      </c>
      <c r="J62" s="28">
        <v>87</v>
      </c>
      <c r="K62" s="28">
        <v>39</v>
      </c>
      <c r="L62" s="28">
        <v>47</v>
      </c>
      <c r="M62" s="29">
        <v>1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11</v>
      </c>
      <c r="E63" s="28">
        <v>35</v>
      </c>
      <c r="F63" s="28">
        <v>75</v>
      </c>
      <c r="G63" s="28">
        <v>27</v>
      </c>
      <c r="H63" s="28">
        <v>48</v>
      </c>
      <c r="I63" s="28">
        <v>0</v>
      </c>
      <c r="J63" s="28">
        <v>66</v>
      </c>
      <c r="K63" s="28">
        <v>28</v>
      </c>
      <c r="L63" s="28">
        <v>37</v>
      </c>
      <c r="M63" s="29">
        <v>1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18</v>
      </c>
      <c r="E64" s="32">
        <v>63</v>
      </c>
      <c r="F64" s="32">
        <v>218</v>
      </c>
      <c r="G64" s="32">
        <v>106</v>
      </c>
      <c r="H64" s="32">
        <v>112</v>
      </c>
      <c r="I64" s="32">
        <v>0</v>
      </c>
      <c r="J64" s="32">
        <v>200</v>
      </c>
      <c r="K64" s="32">
        <v>103</v>
      </c>
      <c r="L64" s="32">
        <v>95</v>
      </c>
      <c r="M64" s="33">
        <v>2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6</v>
      </c>
      <c r="E65" s="28">
        <v>9</v>
      </c>
      <c r="F65" s="28">
        <v>17</v>
      </c>
      <c r="G65" s="28">
        <v>6</v>
      </c>
      <c r="H65" s="28">
        <v>11</v>
      </c>
      <c r="I65" s="28">
        <v>0</v>
      </c>
      <c r="J65" s="28">
        <v>18</v>
      </c>
      <c r="K65" s="28">
        <v>3</v>
      </c>
      <c r="L65" s="28">
        <v>14</v>
      </c>
      <c r="M65" s="29">
        <v>1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4</v>
      </c>
      <c r="E66" s="28">
        <v>14</v>
      </c>
      <c r="F66" s="28">
        <v>60</v>
      </c>
      <c r="G66" s="28">
        <v>22</v>
      </c>
      <c r="H66" s="28">
        <v>38</v>
      </c>
      <c r="I66" s="28">
        <v>0</v>
      </c>
      <c r="J66" s="28">
        <v>31</v>
      </c>
      <c r="K66" s="28">
        <v>12</v>
      </c>
      <c r="L66" s="28">
        <v>19</v>
      </c>
      <c r="M66" s="29">
        <v>0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1</v>
      </c>
      <c r="E67" s="28">
        <v>14</v>
      </c>
      <c r="F67" s="28">
        <v>75</v>
      </c>
      <c r="G67" s="28">
        <v>54</v>
      </c>
      <c r="H67" s="28">
        <v>21</v>
      </c>
      <c r="I67" s="28">
        <v>0</v>
      </c>
      <c r="J67" s="28">
        <v>88</v>
      </c>
      <c r="K67" s="28">
        <v>62</v>
      </c>
      <c r="L67" s="28">
        <v>25</v>
      </c>
      <c r="M67" s="29">
        <v>1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1</v>
      </c>
      <c r="E68" s="28">
        <v>9</v>
      </c>
      <c r="F68" s="28">
        <v>17</v>
      </c>
      <c r="G68" s="28">
        <v>8</v>
      </c>
      <c r="H68" s="28">
        <v>9</v>
      </c>
      <c r="I68" s="28">
        <v>0</v>
      </c>
      <c r="J68" s="28">
        <v>15</v>
      </c>
      <c r="K68" s="28">
        <v>8</v>
      </c>
      <c r="L68" s="28">
        <v>7</v>
      </c>
      <c r="M68" s="29">
        <v>0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6</v>
      </c>
      <c r="E69" s="28">
        <v>17</v>
      </c>
      <c r="F69" s="28">
        <v>49</v>
      </c>
      <c r="G69" s="28">
        <v>16</v>
      </c>
      <c r="H69" s="28">
        <v>33</v>
      </c>
      <c r="I69" s="28">
        <v>0</v>
      </c>
      <c r="J69" s="28">
        <v>48</v>
      </c>
      <c r="K69" s="28">
        <v>18</v>
      </c>
      <c r="L69" s="28">
        <v>30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11</v>
      </c>
      <c r="E70" s="32">
        <v>75</v>
      </c>
      <c r="F70" s="32">
        <v>269</v>
      </c>
      <c r="G70" s="32">
        <v>127</v>
      </c>
      <c r="H70" s="32">
        <v>71</v>
      </c>
      <c r="I70" s="32">
        <v>71</v>
      </c>
      <c r="J70" s="32">
        <v>241</v>
      </c>
      <c r="K70" s="32">
        <v>128</v>
      </c>
      <c r="L70" s="32">
        <v>81</v>
      </c>
      <c r="M70" s="33">
        <v>32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3</v>
      </c>
      <c r="E71" s="28">
        <v>18</v>
      </c>
      <c r="F71" s="28">
        <v>140</v>
      </c>
      <c r="G71" s="28">
        <v>48</v>
      </c>
      <c r="H71" s="28">
        <v>21</v>
      </c>
      <c r="I71" s="28">
        <v>71</v>
      </c>
      <c r="J71" s="28">
        <v>127</v>
      </c>
      <c r="K71" s="28">
        <v>63</v>
      </c>
      <c r="L71" s="28">
        <v>33</v>
      </c>
      <c r="M71" s="29">
        <v>31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0</v>
      </c>
      <c r="E72" s="28">
        <v>10</v>
      </c>
      <c r="F72" s="28">
        <v>21</v>
      </c>
      <c r="G72" s="28">
        <v>6</v>
      </c>
      <c r="H72" s="28">
        <v>15</v>
      </c>
      <c r="I72" s="28">
        <v>0</v>
      </c>
      <c r="J72" s="28">
        <v>14</v>
      </c>
      <c r="K72" s="28">
        <v>5</v>
      </c>
      <c r="L72" s="28">
        <v>8</v>
      </c>
      <c r="M72" s="29">
        <v>1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8</v>
      </c>
      <c r="E73" s="28">
        <v>47</v>
      </c>
      <c r="F73" s="28">
        <v>108</v>
      </c>
      <c r="G73" s="28">
        <v>73</v>
      </c>
      <c r="H73" s="28">
        <v>35</v>
      </c>
      <c r="I73" s="28">
        <v>0</v>
      </c>
      <c r="J73" s="28">
        <v>100</v>
      </c>
      <c r="K73" s="28">
        <v>60</v>
      </c>
      <c r="L73" s="28">
        <v>40</v>
      </c>
      <c r="M73" s="29">
        <v>0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17</v>
      </c>
      <c r="E74" s="32">
        <v>41</v>
      </c>
      <c r="F74" s="32">
        <v>122</v>
      </c>
      <c r="G74" s="32">
        <v>69</v>
      </c>
      <c r="H74" s="32">
        <v>51</v>
      </c>
      <c r="I74" s="32">
        <v>2</v>
      </c>
      <c r="J74" s="32">
        <v>142</v>
      </c>
      <c r="K74" s="32">
        <v>55</v>
      </c>
      <c r="L74" s="32">
        <v>81</v>
      </c>
      <c r="M74" s="33">
        <v>6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7</v>
      </c>
      <c r="E75" s="28">
        <v>40</v>
      </c>
      <c r="F75" s="28">
        <v>118</v>
      </c>
      <c r="G75" s="28">
        <v>65</v>
      </c>
      <c r="H75" s="28">
        <v>51</v>
      </c>
      <c r="I75" s="28">
        <v>2</v>
      </c>
      <c r="J75" s="28">
        <v>128</v>
      </c>
      <c r="K75" s="28">
        <v>47</v>
      </c>
      <c r="L75" s="28">
        <v>75</v>
      </c>
      <c r="M75" s="29">
        <v>6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0</v>
      </c>
      <c r="E76" s="28">
        <v>1</v>
      </c>
      <c r="F76" s="28">
        <v>4</v>
      </c>
      <c r="G76" s="28">
        <v>4</v>
      </c>
      <c r="H76" s="28">
        <v>0</v>
      </c>
      <c r="I76" s="28">
        <v>0</v>
      </c>
      <c r="J76" s="28">
        <v>14</v>
      </c>
      <c r="K76" s="28">
        <v>8</v>
      </c>
      <c r="L76" s="28">
        <v>6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10-24T02:14:37Z</dcterms:modified>
</cp:coreProperties>
</file>